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iloo/"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3F3D502A-014F-9711-9370-BF54A8C428D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4928" y="4797366"/>
            <a:ext cx="2141008" cy="186695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68791C9C-4DCA-0251-10EC-C096E21121F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9346" y="3748353"/>
            <a:ext cx="1908925" cy="166458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2-12T11:25:05Z</dcterms:modified>
</cp:coreProperties>
</file>